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2"/>
  </p:notesMasterIdLst>
  <p:handoutMasterIdLst>
    <p:handoutMasterId r:id="rId13"/>
  </p:handoutMasterIdLst>
  <p:sldIdLst>
    <p:sldId id="309" r:id="rId5"/>
    <p:sldId id="332" r:id="rId6"/>
    <p:sldId id="325" r:id="rId7"/>
    <p:sldId id="327" r:id="rId8"/>
    <p:sldId id="333" r:id="rId9"/>
    <p:sldId id="331" r:id="rId10"/>
    <p:sldId id="287" r:id="rId11"/>
  </p:sldIdLst>
  <p:sldSz cx="12192000" cy="6858000"/>
  <p:notesSz cx="6808788" cy="9940925"/>
  <p:defaultTextStyle>
    <a:defPPr rtl="0">
      <a:defRPr lang="nn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Författare" initials="A" lastIdx="0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BED4DF"/>
    <a:srgbClr val="BED5E9"/>
    <a:srgbClr val="FDFDFD"/>
    <a:srgbClr val="FDCF41"/>
    <a:srgbClr val="006EB6"/>
    <a:srgbClr val="ADCFF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  <p:ext uri="{1BD7E111-0CB8-44D6-8891-C1BB2F81B7CC}">
      <p1710:readonlyRecommended xmlns:p1710="http://schemas.microsoft.com/office/powerpoint/2017/10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9564E63-7D46-4CB2-8077-1B75EF408976}" v="2" dt="2023-03-20T08:08:45.186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8" autoAdjust="0"/>
    <p:restoredTop sz="85329" autoAdjust="0"/>
  </p:normalViewPr>
  <p:slideViewPr>
    <p:cSldViewPr snapToGrid="0" showGuides="1">
      <p:cViewPr varScale="1">
        <p:scale>
          <a:sx n="95" d="100"/>
          <a:sy n="95" d="100"/>
        </p:scale>
        <p:origin x="2796" y="9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20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0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nn-no"/>
              <a:t>Click to edit Master text styles</a:t>
            </a:r>
          </a:p>
          <a:p>
            <a:pPr lvl="1" rtl="0"/>
            <a:r>
              <a:rPr lang="nn-no"/>
              <a:t>Second level</a:t>
            </a:r>
          </a:p>
          <a:p>
            <a:pPr lvl="2" rtl="0"/>
            <a:r>
              <a:rPr lang="nn-no"/>
              <a:t>Third level</a:t>
            </a:r>
          </a:p>
          <a:p>
            <a:pPr lvl="3" rtl="0"/>
            <a:r>
              <a:rPr lang="nn-no"/>
              <a:t>Fourth level</a:t>
            </a:r>
          </a:p>
          <a:p>
            <a:pPr lvl="4" rtl="0"/>
            <a:r>
              <a:rPr lang="nn-no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Mål med leksjone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igitale verktøy speler ei stor rolle i kvardagen vår, men også i arbeidslivet. I denne leksjonen diskuterer vi korleis det påverkar oss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21047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tart filme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ilmen gir ein introduksjon til emnet og viser digitale verktøy som blir brukte når ein er på jobben, på skolen og på fritid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2477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el ut det utskrivne eigenvurderingsskjemaet. Elevane skal ha kvart sitt eksemplar – </a:t>
            </a:r>
            <a:r>
              <a:rPr lang="nn-NO" sz="1800" dirty="0" err="1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xercise</a:t>
            </a: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3</a:t>
            </a:r>
          </a:p>
          <a:p>
            <a:pPr>
              <a:lnSpc>
                <a:spcPct val="115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skal gjere ei eigenvurdering av den digitale kvardagen deira. Dei skal vurdere og summere kor mange timar totalt dei bruker ulike digitale verktøy i løpet av eit døg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lik går øvinga for seg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å den øvste delen av arket skal elevane individuelt markere på tidslinja kor mange timar dei bruker det digitale verktøyet. Minn elevane om å ta med all tid, både skoletid og fritid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iss elevane vil, kan dei summere kor mange timar dei bruker digitale verktøy på eit døgn. Denne summen kan skrivast ved sida av symbolet for «ikkje forstyrr-modus»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å den nedste delen av arket skal elevane svare på spørsmål om søvn og helse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ed det første symbolet (senga) skal elevane markere på tidslinja kor mange timar dei søv per nat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Under dei respektive bokstavane A, B, C og D skal elevane markere om dei har opplevd ubehag i samband med bruken av digitale verktøy. Har elevane opplevd det som spørsmålet dreier seg om, markerer dei det symbolet. Viss ikkje markerer dei det andre symbolet. 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esse spørsmåla skal elevane svare på </a:t>
            </a:r>
            <a:r>
              <a:rPr lang="nn-NO" sz="1800" dirty="0" err="1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å</a:t>
            </a: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eigenvurderingsskjemaet sit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år du bruker digitale verktøy, får du nokre gonge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buFont typeface="+mj-lt"/>
              <a:buAutoNum type="alphaU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ondt i nakken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buFont typeface="+mj-lt"/>
              <a:buAutoNum type="alphaU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ondt i tommel eller handledd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buFont typeface="+mj-lt"/>
              <a:buAutoNum type="alphaU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ondt i rygge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+mj-lt"/>
              <a:buAutoNum type="alphaUcPeriod"/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røytte auge eller andre plager med aug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treng ikkje å gjere greie for eigenvurderinga, det er frivillig. Viss elevane vil diskutere denne øvinga, kan du la elevane diskutere med den personen som sit nærast. Elevane kan i ein eventuell diskusjon samanlikne svara sine og finne skilnader og likskapar i bruken sin av digitale verktøy. Viss du vil, kan du ta opp emne med heile klassen, etter at elevane har diskuter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br>
              <a:rPr lang="da-DK" dirty="0"/>
            </a:b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får moglegheit til å reflektere over eiga skjermtid og tenke på om dei har merka nokon fysiske eller psykososiale risikoar i samband med digitale verktøy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1 Spør elevane om dei kan komme på nokon risikoar med bruk av digitale verktøy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ytt oppmerksamt til kva elevane trur kan vere risikoar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2 Klikk fram dei fire eksempla. Gå gjennom punkta med elevane.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Mykje stillesitting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igitalisering kan føre til meir stillesitting på jobben og i fritida. På lang sikt kan dette føre til helseproblem som for eksempel vondt i nakken, ryggen og sjukdommar som hjarte- og karsjukdommar. </a:t>
            </a:r>
          </a:p>
          <a:p>
            <a:pPr>
              <a:lnSpc>
                <a:spcPts val="12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årleg arbeidsstilling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å ein del arbeidsplassar står, sit eller bevegar medarbeidarane seg på ein måte som påverkar kroppen negativt. Dette kan føre til skadar som musearm, mobilnakke og SMS-tommel.</a:t>
            </a:r>
          </a:p>
          <a:p>
            <a:pPr>
              <a:lnSpc>
                <a:spcPts val="12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Mykje skjermarbeid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iss du jobbar mykje med skjerm, kan det bli anstrengande for auga. Dette kan gjere at du blir trøytt, får hovudverk og får konsentrasjonsvanskar.</a:t>
            </a:r>
          </a:p>
          <a:p>
            <a:pPr>
              <a:lnSpc>
                <a:spcPts val="12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Å alltid vere tilgjengeleg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igital teknologi kan føre til at vi kommuniserer meir, og til krav om å alltid vere tilgjengeleg og oppdatert. Dette kan føre til psykososiale belastningar som stress.</a:t>
            </a:r>
          </a:p>
          <a:p>
            <a:pPr>
              <a:lnSpc>
                <a:spcPts val="12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levane kan diskutere kva risikoar dei trur finst. Dei får så sjå kva forskinga meiner kan vere risiko i samband med digitale verktøy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956934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1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pør elevane kva dei trur kan skape eit friskare digitalt arbeidsmiljø. Lytt oppmerksamt til kva elevane seie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2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likk fram eksempel på </a:t>
            </a:r>
            <a:r>
              <a:rPr lang="nn-NO" sz="1800" dirty="0" err="1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riskfaktorar</a:t>
            </a: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. Gå gjennom punkta med elevane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arier arbeidsstilling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Unngå stillesitting så mykje som mogleg. Reis deg opp og stå mens du jobbar ei stund, eller skift arbeidsstill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pør elevane korleis dei ville variere arbeidsstillingane sine på skolen og heime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20-20-20-regele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år du har sett på ein skjerm i 20 minutt, kvil auga i 20 sekund og sjå på noko 20 fot (6 meter) unn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a elevane teste øving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ogg ut – slå av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pør elevane om dei nokon gong koplar av frå det digitale livet ei stund. I så fall når? Her kan elevane gå tilbake til eigenvurderingsskjemaet for å sjå kva dei skreiv der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b="1" u="sng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Å gi elevane verktøy og framgangsmåte for å jobbe med digitale verktøy på ein god måte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tart filmen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skaren David Hallman bekreftar at det er viktig å jobbe med digitale verktøy på ein haldbar måte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76347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Instruksjon:</a:t>
            </a:r>
            <a:endParaRPr lang="sv-SE" sz="1800" b="1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o er leksjonen ferdig, og til neste gong kan elevane tenke over spørsmålet: Korleis ser arbeidsmiljøet i framtida ut?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b="1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ormål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n-N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Å gi innblikk i kva som ventar neste gong når vi går vidare med å snakke om arbeidsmiljøet i framtid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nn-n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nn-n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nn-no"/>
              <a:t>Click to add chart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 or tabl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nn-no"/>
              <a:t>Insert chart or table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nn-n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nn-no"/>
              <a:t>Click to add char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nn-no"/>
              <a:t>Click to add tex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nn-no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/>
              <a:t>insert picture via </a:t>
            </a:r>
            <a:r>
              <a:rPr lang="nn-no" sz="900" b="1"/>
              <a:t>Add Images</a:t>
            </a:r>
            <a:r>
              <a:rPr lang="nn-no" sz="900"/>
              <a:t>-button </a:t>
            </a:r>
            <a:br>
              <a:rPr lang="en-GB" sz="900" dirty="0"/>
            </a:br>
            <a:r>
              <a:rPr lang="nn-no" sz="900"/>
              <a:t>in the </a:t>
            </a:r>
            <a:r>
              <a:rPr lang="nn-no" sz="900" b="1"/>
              <a:t>NORDEN-</a:t>
            </a:r>
            <a:r>
              <a:rPr lang="nn-no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nn-no" sz="900" b="1">
                <a:latin typeface="+mn-lt"/>
              </a:rPr>
              <a:t>NORDEN</a:t>
            </a:r>
            <a:r>
              <a:rPr lang="nn-no" sz="900" b="0">
                <a:latin typeface="+mn-lt"/>
              </a:rPr>
              <a:t>-TAB and</a:t>
            </a:r>
            <a:r>
              <a:rPr lang="nn-no" sz="900">
                <a:latin typeface="+mn-lt"/>
              </a:rPr>
              <a:t>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nn-no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nn-n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nn-no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nn-n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nn-n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n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n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nn-n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nn-n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nn-no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nn-no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nn-no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nn-no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nn-no"/>
              <a:t>Click to add text or content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nn-no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nn-no"/>
              <a:t>Use bold for highlighted text,</a:t>
            </a:r>
            <a:br>
              <a:rPr lang="en-GB" dirty="0"/>
            </a:br>
            <a:r>
              <a:rPr lang="nn-no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nn-no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nn-no"/>
              <a:t>Click to edit Master text styles</a:t>
            </a:r>
            <a:endParaRPr lang="sv-SE"/>
          </a:p>
          <a:p>
            <a:pPr lvl="1" rtl="0"/>
            <a:r>
              <a:rPr lang="nn-no"/>
              <a:t>Second level</a:t>
            </a:r>
            <a:endParaRPr lang="sv-SE"/>
          </a:p>
          <a:p>
            <a:pPr lvl="2" rtl="0"/>
            <a:r>
              <a:rPr lang="nn-no"/>
              <a:t>Third level</a:t>
            </a:r>
            <a:endParaRPr lang="sv-SE"/>
          </a:p>
          <a:p>
            <a:pPr lvl="3" rtl="0"/>
            <a:r>
              <a:rPr lang="nn-no"/>
              <a:t>Fourth level</a:t>
            </a:r>
            <a:endParaRPr lang="sv-SE"/>
          </a:p>
          <a:p>
            <a:pPr lvl="4" rtl="0"/>
            <a:r>
              <a:rPr lang="nn-no"/>
              <a:t>Fifth level</a:t>
            </a:r>
            <a:endParaRPr lang="sv-SE"/>
          </a:p>
          <a:p>
            <a:pPr lvl="5" rtl="0"/>
            <a:r>
              <a:rPr lang="nn-no"/>
              <a:t>Sixth level</a:t>
            </a:r>
            <a:endParaRPr lang="sv-SE"/>
          </a:p>
          <a:p>
            <a:pPr lvl="6" rtl="0"/>
            <a:r>
              <a:rPr lang="nn-no"/>
              <a:t>Seventh level</a:t>
            </a:r>
            <a:endParaRPr lang="sv-SE"/>
          </a:p>
          <a:p>
            <a:pPr lvl="7" rtl="0"/>
            <a:r>
              <a:rPr lang="nn-no"/>
              <a:t>Eight level</a:t>
            </a:r>
            <a:endParaRPr lang="sv-SE"/>
          </a:p>
          <a:p>
            <a:pPr lvl="8" rtl="0"/>
            <a:r>
              <a:rPr lang="nn-no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nn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17.png"/><Relationship Id="rId4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4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4.xml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video" Target="../media/media2.mp4"/><Relationship Id="rId2" Type="http://schemas.microsoft.com/office/2007/relationships/media" Target="../media/media2.mp4"/><Relationship Id="rId1" Type="http://schemas.openxmlformats.org/officeDocument/2006/relationships/tags" Target="../tags/tag5.xml"/><Relationship Id="rId6" Type="http://schemas.openxmlformats.org/officeDocument/2006/relationships/image" Target="../media/image21.png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6.xml"/><Relationship Id="rId4" Type="http://schemas.openxmlformats.org/officeDocument/2006/relationships/image" Target="../media/image22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325603" y="1499369"/>
            <a:ext cx="6379505" cy="1661419"/>
          </a:xfrm>
        </p:spPr>
        <p:txBody>
          <a:bodyPr rtlCol="0"/>
          <a:lstStyle/>
          <a:p>
            <a:pPr rtl="0"/>
            <a:r>
              <a:rPr lang="nn-no" sz="6000" dirty="0">
                <a:solidFill>
                  <a:schemeClr val="accent3"/>
                </a:solidFill>
              </a:rPr>
              <a:t>Det digitale </a:t>
            </a:r>
            <a:br>
              <a:rPr lang="en-GB" sz="6000" dirty="0">
                <a:solidFill>
                  <a:schemeClr val="accent3"/>
                </a:solidFill>
              </a:rPr>
            </a:br>
            <a:r>
              <a:rPr lang="nn-no" sz="6000" dirty="0">
                <a:solidFill>
                  <a:schemeClr val="accent3"/>
                </a:solidFill>
              </a:rPr>
              <a:t>liv ditt i dag kan bli </a:t>
            </a:r>
            <a:br>
              <a:rPr lang="en-GB" sz="6000" dirty="0">
                <a:solidFill>
                  <a:schemeClr val="accent3"/>
                </a:solidFill>
              </a:rPr>
            </a:br>
            <a:r>
              <a:rPr lang="nn-no" sz="6000" dirty="0">
                <a:solidFill>
                  <a:schemeClr val="accent3"/>
                </a:solidFill>
              </a:rPr>
              <a:t>arbeidsmiljøet ditt i morgon</a:t>
            </a:r>
            <a:endParaRPr lang="en-GB" sz="6000" dirty="0">
              <a:solidFill>
                <a:schemeClr val="accent3"/>
              </a:solidFill>
            </a:endParaRP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nn-no">
                <a:solidFill>
                  <a:schemeClr val="accent3"/>
                </a:solidFill>
              </a:rPr>
              <a:t>Leksjon 3 av 6 – «Arbeidsmiljøkunnskap for unge»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0D36FE62-F19E-0761-7C5F-A6576A1D16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61837" y="336637"/>
            <a:ext cx="2144389" cy="399575"/>
          </a:xfrm>
          <a:prstGeom prst="rect">
            <a:avLst/>
          </a:prstGeom>
        </p:spPr>
      </p:pic>
      <p:pic>
        <p:nvPicPr>
          <p:cNvPr id="3" name="Bild 2">
            <a:extLst>
              <a:ext uri="{FF2B5EF4-FFF2-40B4-BE49-F238E27FC236}">
                <a16:creationId xmlns:a16="http://schemas.microsoft.com/office/drawing/2014/main" id="{1742E72E-7871-CFE6-4459-DEDC071CC39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  <p:pic>
        <p:nvPicPr>
          <p:cNvPr id="4" name="Bildobjekt 3" descr="En bild som visar text&#10;&#10;Automatiskt genererad beskrivning">
            <a:extLst>
              <a:ext uri="{FF2B5EF4-FFF2-40B4-BE49-F238E27FC236}">
                <a16:creationId xmlns:a16="http://schemas.microsoft.com/office/drawing/2014/main" id="{0D442F06-9B8A-C6AA-72C2-44614A6F9A9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4858" y="5799600"/>
            <a:ext cx="1823848" cy="517071"/>
          </a:xfrm>
          <a:prstGeom prst="rect">
            <a:avLst/>
          </a:prstGeom>
        </p:spPr>
      </p:pic>
      <p:pic>
        <p:nvPicPr>
          <p:cNvPr id="5" name="Bildobjekt 4" descr="Swedish agency for work environment">
            <a:extLst>
              <a:ext uri="{FF2B5EF4-FFF2-40B4-BE49-F238E27FC236}">
                <a16:creationId xmlns:a16="http://schemas.microsoft.com/office/drawing/2014/main" id="{AED1D816-4162-3358-96C9-917B73403189}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7062" y="5903387"/>
            <a:ext cx="2565673" cy="4780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nn-no" dirty="0"/>
              <a:t>Film digitale</a:t>
            </a:r>
          </a:p>
        </p:txBody>
      </p:sp>
      <p:pic>
        <p:nvPicPr>
          <p:cNvPr id="5" name="1. Digital arbetsmiljö" descr="Filmen er en introduksjon og viser digitale enheter som brukes på jobb, skole og fritid.&#10;">
            <a:hlinkClick r:id="" action="ppaction://media"/>
            <a:extLst>
              <a:ext uri="{FF2B5EF4-FFF2-40B4-BE49-F238E27FC236}">
                <a16:creationId xmlns:a16="http://schemas.microsoft.com/office/drawing/2014/main" id="{F9E086E7-0138-7D38-6B0A-176540BEA15D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4198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3359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951268" cy="1285875"/>
          </a:xfrm>
        </p:spPr>
        <p:txBody>
          <a:bodyPr rtlCol="0"/>
          <a:lstStyle/>
          <a:p>
            <a:pPr rtl="0"/>
            <a:r>
              <a:rPr lang="nn-no" dirty="0"/>
              <a:t>Øving – </a:t>
            </a:r>
            <a:br>
              <a:rPr lang="sv-SE" dirty="0"/>
            </a:br>
            <a:r>
              <a:rPr lang="nn-no" dirty="0">
                <a:solidFill>
                  <a:schemeClr val="accent2"/>
                </a:solidFill>
              </a:rPr>
              <a:t>eigenvurdering</a:t>
            </a:r>
            <a:r>
              <a:rPr lang="nn-no" dirty="0"/>
              <a:t> av skjermtida di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6568" y="2316231"/>
            <a:ext cx="7740144" cy="3532187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nn-no" sz="2400" dirty="0"/>
              <a:t>Du treng ikkje å vise fram resultatet!</a:t>
            </a:r>
          </a:p>
          <a:p>
            <a:pPr marL="0" indent="0" rtl="0">
              <a:buNone/>
            </a:pPr>
            <a:endParaRPr lang="da-DK" sz="2000" dirty="0"/>
          </a:p>
          <a:p>
            <a:pPr marL="0" indent="0" rtl="0">
              <a:buNone/>
            </a:pPr>
            <a:r>
              <a:rPr lang="nn-no" sz="1800" dirty="0"/>
              <a:t>Når du bruker digitale verktøy, får du nokre gonger</a:t>
            </a:r>
          </a:p>
          <a:p>
            <a:pPr marL="0" indent="0" rtl="0">
              <a:buNone/>
            </a:pPr>
            <a:endParaRPr lang="da-DK" sz="1100" dirty="0"/>
          </a:p>
          <a:p>
            <a:pPr marL="0" indent="0" rtl="0">
              <a:buNone/>
            </a:pPr>
            <a:r>
              <a:rPr lang="nn-no" sz="1800" b="1" dirty="0"/>
              <a:t>A) </a:t>
            </a:r>
            <a:r>
              <a:rPr lang="nn-no" sz="1800" dirty="0"/>
              <a:t>«mobilnakke» eller vondt i nakken</a:t>
            </a:r>
          </a:p>
          <a:p>
            <a:pPr marL="0" indent="0" rtl="0">
              <a:buNone/>
            </a:pPr>
            <a:r>
              <a:rPr lang="nn-no" sz="1800" b="1" dirty="0"/>
              <a:t>B) </a:t>
            </a:r>
            <a:r>
              <a:rPr lang="nn-no" sz="1800" dirty="0"/>
              <a:t>«SMS-tommel» eller vondt i handledda</a:t>
            </a:r>
          </a:p>
          <a:p>
            <a:pPr marL="0" indent="0" rtl="0">
              <a:buNone/>
            </a:pPr>
            <a:r>
              <a:rPr lang="nn-no" sz="1800" b="1" dirty="0"/>
              <a:t>C) </a:t>
            </a:r>
            <a:r>
              <a:rPr lang="nn-no" sz="1800" dirty="0"/>
              <a:t>vondt i ryggen</a:t>
            </a:r>
          </a:p>
          <a:p>
            <a:pPr marL="0" indent="0" rtl="0">
              <a:buNone/>
            </a:pPr>
            <a:r>
              <a:rPr lang="nn-no" sz="1800" b="1" dirty="0"/>
              <a:t>D) </a:t>
            </a:r>
            <a:r>
              <a:rPr lang="nn-no" sz="1800" dirty="0"/>
              <a:t>trøytte auge eller andre plager med auga</a:t>
            </a:r>
          </a:p>
        </p:txBody>
      </p:sp>
      <p:pic>
        <p:nvPicPr>
          <p:cNvPr id="3" name="Bildobjekt 2">
            <a:extLst>
              <a:ext uri="{FF2B5EF4-FFF2-40B4-BE49-F238E27FC236}">
                <a16:creationId xmlns:a16="http://schemas.microsoft.com/office/drawing/2014/main" id="{8BCC1276-A9F7-32B6-F0CB-EF1D83C401D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78" t="10346" b="971"/>
          <a:stretch/>
        </p:blipFill>
        <p:spPr>
          <a:xfrm>
            <a:off x="7479604" y="1952231"/>
            <a:ext cx="3675301" cy="46266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13739" y="646938"/>
            <a:ext cx="10814381" cy="1018671"/>
          </a:xfrm>
        </p:spPr>
        <p:txBody>
          <a:bodyPr rtlCol="0"/>
          <a:lstStyle/>
          <a:p>
            <a:pPr rtl="0"/>
            <a:r>
              <a:rPr lang="nn-no" dirty="0"/>
              <a:t>Digitale arbeidsmiljørisikoar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3739" y="1593858"/>
            <a:ext cx="10564522" cy="4588890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nn-no" sz="2000" b="1" dirty="0"/>
              <a:t>Kva trur du er risikoar innanfor digitale arbeidsmiljø?</a:t>
            </a:r>
          </a:p>
          <a:p>
            <a:pPr marL="0" indent="0" rtl="0">
              <a:buNone/>
            </a:pPr>
            <a:endParaRPr lang="sv-SE" sz="1600" b="1" dirty="0"/>
          </a:p>
          <a:p>
            <a:pPr marL="0" indent="0" rtl="0">
              <a:buNone/>
            </a:pPr>
            <a:r>
              <a:rPr lang="nn-no" sz="1800" b="1" dirty="0"/>
              <a:t>Mykje stillesitting</a:t>
            </a:r>
          </a:p>
          <a:p>
            <a:pPr marL="0" indent="0">
              <a:buNone/>
            </a:pPr>
            <a:r>
              <a:rPr lang="nn-NO" sz="1800" dirty="0"/>
              <a:t>Digitalisering kan føre til meir stillesitting på jobben og i fritida. På lang sikt kan dette føre til helseproblem som for eksempel vondt i nakken, ryggen og sjukdommar som hjarte- og karsjukdommar. </a:t>
            </a:r>
            <a:endParaRPr lang="sv-SE" sz="1800" dirty="0"/>
          </a:p>
          <a:p>
            <a:pPr marL="0" indent="0" rtl="0">
              <a:buNone/>
            </a:pPr>
            <a:r>
              <a:rPr lang="nn-no" sz="1800" b="1" dirty="0"/>
              <a:t>Dårleg arbeidsstilling</a:t>
            </a:r>
          </a:p>
          <a:p>
            <a:pPr marL="0" indent="0">
              <a:buNone/>
            </a:pPr>
            <a:r>
              <a:rPr lang="nn-NO" sz="1800" dirty="0"/>
              <a:t>På ein del arbeidsplassar står, sit eller bevegar medarbeidarane seg på ein måte som påverkar kroppen negativt. Dette kan føre til skadar som musearm, mobilnakke og SMS-tommel.</a:t>
            </a:r>
            <a:endParaRPr lang="sv-SE" sz="1800" dirty="0"/>
          </a:p>
          <a:p>
            <a:pPr marL="0" indent="0" rtl="0">
              <a:buNone/>
            </a:pPr>
            <a:r>
              <a:rPr lang="nn-no" sz="1800" b="1" dirty="0"/>
              <a:t>Mykje skjermarbeid</a:t>
            </a:r>
          </a:p>
          <a:p>
            <a:pPr marL="0" indent="0">
              <a:buNone/>
            </a:pPr>
            <a:r>
              <a:rPr lang="nn-NO" sz="1800" dirty="0"/>
              <a:t>Viss du jobbar mykje med skjerm, kan det bli anstrengande for auga. Dette kan gjere at du blir trøytt, får hovudverk og får konsentrasjonsvanskar.</a:t>
            </a:r>
            <a:endParaRPr lang="sv-SE" sz="1800" dirty="0"/>
          </a:p>
          <a:p>
            <a:pPr marL="0" indent="0" rtl="0">
              <a:buNone/>
            </a:pPr>
            <a:r>
              <a:rPr lang="nn-no" sz="1800" b="1" dirty="0"/>
              <a:t>Å alltid vere tilgjengeleg</a:t>
            </a:r>
          </a:p>
          <a:p>
            <a:pPr marL="0" indent="0">
              <a:buNone/>
            </a:pPr>
            <a:r>
              <a:rPr lang="sv-SE" sz="1800" dirty="0"/>
              <a:t>Digital teknologi kan </a:t>
            </a:r>
            <a:r>
              <a:rPr lang="sv-SE" sz="1800" dirty="0" err="1"/>
              <a:t>føre</a:t>
            </a:r>
            <a:r>
              <a:rPr lang="sv-SE" sz="1800" dirty="0"/>
              <a:t> </a:t>
            </a:r>
            <a:r>
              <a:rPr lang="sv-SE" sz="1800" dirty="0" err="1"/>
              <a:t>til</a:t>
            </a:r>
            <a:r>
              <a:rPr lang="sv-SE" sz="1800" dirty="0"/>
              <a:t> at vi </a:t>
            </a:r>
            <a:r>
              <a:rPr lang="sv-SE" sz="1800" dirty="0" err="1"/>
              <a:t>kommuniserer</a:t>
            </a:r>
            <a:r>
              <a:rPr lang="sv-SE" sz="1800" dirty="0"/>
              <a:t> </a:t>
            </a:r>
            <a:r>
              <a:rPr lang="sv-SE" sz="1800" dirty="0" err="1"/>
              <a:t>meir</a:t>
            </a:r>
            <a:r>
              <a:rPr lang="sv-SE" sz="1800" dirty="0"/>
              <a:t>, </a:t>
            </a:r>
            <a:r>
              <a:rPr lang="sv-SE" sz="1800" dirty="0" err="1"/>
              <a:t>og</a:t>
            </a:r>
            <a:r>
              <a:rPr lang="sv-SE" sz="1800" dirty="0"/>
              <a:t> </a:t>
            </a:r>
            <a:r>
              <a:rPr lang="sv-SE" sz="1800" dirty="0" err="1"/>
              <a:t>til</a:t>
            </a:r>
            <a:r>
              <a:rPr lang="sv-SE" sz="1800" dirty="0"/>
              <a:t> krav om å alltid </a:t>
            </a:r>
            <a:r>
              <a:rPr lang="sv-SE" sz="1800" dirty="0" err="1"/>
              <a:t>vere</a:t>
            </a:r>
            <a:r>
              <a:rPr lang="sv-SE" sz="1800" dirty="0"/>
              <a:t> </a:t>
            </a:r>
            <a:r>
              <a:rPr lang="sv-SE" sz="1800" dirty="0" err="1"/>
              <a:t>tilgjengeleg</a:t>
            </a:r>
            <a:r>
              <a:rPr lang="sv-SE" sz="1800" dirty="0"/>
              <a:t> </a:t>
            </a:r>
            <a:r>
              <a:rPr lang="sv-SE" sz="1800" dirty="0" err="1"/>
              <a:t>og</a:t>
            </a:r>
            <a:r>
              <a:rPr lang="sv-SE" sz="1800" dirty="0"/>
              <a:t> </a:t>
            </a:r>
            <a:r>
              <a:rPr lang="sv-SE" sz="1800" dirty="0" err="1"/>
              <a:t>oppdatert</a:t>
            </a:r>
            <a:r>
              <a:rPr lang="sv-SE" sz="1800" dirty="0"/>
              <a:t>. </a:t>
            </a:r>
            <a:r>
              <a:rPr lang="sv-SE" sz="1800" dirty="0" err="1"/>
              <a:t>Dette</a:t>
            </a:r>
            <a:r>
              <a:rPr lang="sv-SE" sz="1800" dirty="0"/>
              <a:t> kan </a:t>
            </a:r>
            <a:r>
              <a:rPr lang="sv-SE" sz="1800" dirty="0" err="1"/>
              <a:t>føre</a:t>
            </a:r>
            <a:r>
              <a:rPr lang="sv-SE" sz="1800" dirty="0"/>
              <a:t> </a:t>
            </a:r>
            <a:r>
              <a:rPr lang="sv-SE" sz="1800" dirty="0" err="1"/>
              <a:t>til</a:t>
            </a:r>
            <a:r>
              <a:rPr lang="sv-SE" sz="1800" dirty="0"/>
              <a:t> </a:t>
            </a:r>
            <a:r>
              <a:rPr lang="sv-SE" sz="1800" dirty="0" err="1"/>
              <a:t>psykososiale</a:t>
            </a:r>
            <a:r>
              <a:rPr lang="sv-SE" sz="1800" dirty="0"/>
              <a:t> belastningar som stres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501531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nn-no" dirty="0"/>
              <a:t>Eit friskare </a:t>
            </a:r>
            <a:br>
              <a:rPr lang="sv-SE" dirty="0"/>
            </a:br>
            <a:r>
              <a:rPr lang="nn-no" dirty="0"/>
              <a:t>digitalt arbeidsmiljø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180472"/>
            <a:ext cx="5969180" cy="4032251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nn-no" sz="2400" b="1" dirty="0"/>
              <a:t>Kva trur du kan skape eit friskare digitalt arbeidsmiljø?</a:t>
            </a:r>
          </a:p>
          <a:p>
            <a:pPr marL="0" indent="0" rtl="0">
              <a:buNone/>
            </a:pPr>
            <a:endParaRPr lang="da-DK" sz="1600" b="1" dirty="0"/>
          </a:p>
          <a:p>
            <a:pPr marL="0" indent="0">
              <a:buNone/>
            </a:pPr>
            <a:r>
              <a:rPr lang="nn-no" sz="2000" b="1" dirty="0"/>
              <a:t>Varier arbeidsstillinga</a:t>
            </a:r>
            <a:br>
              <a:rPr lang="nn-no" sz="2000" b="1" dirty="0"/>
            </a:br>
            <a:r>
              <a:rPr lang="nn-NO" sz="2000" dirty="0"/>
              <a:t>Unngå stillesitting så mykje som mogleg. Reis deg opp og stå mens du jobbar ei stund, eller skift arbeidsstilling.</a:t>
            </a:r>
            <a:endParaRPr lang="sv-SE" sz="2000" dirty="0"/>
          </a:p>
          <a:p>
            <a:pPr marL="0" indent="0" rtl="0">
              <a:buNone/>
            </a:pPr>
            <a:endParaRPr lang="da-DK" sz="2000" dirty="0"/>
          </a:p>
          <a:p>
            <a:pPr marL="0" indent="0">
              <a:buNone/>
            </a:pPr>
            <a:r>
              <a:rPr lang="nn-no" sz="2000" b="1" dirty="0"/>
              <a:t>20-20-20-regelen</a:t>
            </a:r>
            <a:br>
              <a:rPr lang="nn-no" sz="2000" b="1" dirty="0"/>
            </a:br>
            <a:r>
              <a:rPr lang="nn-NO" sz="2000" dirty="0"/>
              <a:t>Når du har sett på ein skjerm i 20 minutt, kvil auga i 20 sekund og sjå på noko 20 fot (6 meter) unna.</a:t>
            </a:r>
            <a:endParaRPr lang="da-DK" sz="2000" b="1" dirty="0"/>
          </a:p>
          <a:p>
            <a:pPr marL="0" indent="0" rtl="0">
              <a:buNone/>
            </a:pPr>
            <a:endParaRPr lang="da-DK" sz="1600" dirty="0"/>
          </a:p>
          <a:p>
            <a:pPr marL="0" indent="0" rtl="0">
              <a:buNone/>
            </a:pPr>
            <a:r>
              <a:rPr lang="nn-no" sz="2000" b="1" dirty="0"/>
              <a:t>Logg ut – slå av? </a:t>
            </a:r>
          </a:p>
          <a:p>
            <a:pPr marL="0" indent="0" rtl="0">
              <a:buNone/>
            </a:pPr>
            <a:endParaRPr lang="da-DK" sz="1600" dirty="0"/>
          </a:p>
          <a:p>
            <a:pPr marL="0" indent="0" rtl="0">
              <a:buNone/>
            </a:pPr>
            <a:endParaRPr lang="da-DK" sz="1600" dirty="0"/>
          </a:p>
          <a:p>
            <a:pPr marL="0" indent="0" rtl="0">
              <a:buNone/>
            </a:pPr>
            <a:endParaRPr lang="da-DK" sz="1600" dirty="0"/>
          </a:p>
        </p:txBody>
      </p:sp>
      <p:pic>
        <p:nvPicPr>
          <p:cNvPr id="11" name="Bildobjekt 10" descr="lærere som underviser digitalt&#10;">
            <a:extLst>
              <a:ext uri="{FF2B5EF4-FFF2-40B4-BE49-F238E27FC236}">
                <a16:creationId xmlns:a16="http://schemas.microsoft.com/office/drawing/2014/main" id="{F59195CD-6467-47E5-9239-F07CC880C92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45791" y="1445014"/>
            <a:ext cx="4546209" cy="2557243"/>
          </a:xfrm>
          <a:prstGeom prst="rect">
            <a:avLst/>
          </a:prstGeom>
        </p:spPr>
      </p:pic>
      <p:pic>
        <p:nvPicPr>
          <p:cNvPr id="7" name="Bildobjekt 6" descr="et digitalt møte på en arbeidsplass">
            <a:extLst>
              <a:ext uri="{FF2B5EF4-FFF2-40B4-BE49-F238E27FC236}">
                <a16:creationId xmlns:a16="http://schemas.microsoft.com/office/drawing/2014/main" id="{F5C7DD68-E63F-4D08-9A48-A9475BD4FE0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45790" y="4002257"/>
            <a:ext cx="4546210" cy="25572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ubrik 2">
            <a:extLst>
              <a:ext uri="{FF2B5EF4-FFF2-40B4-BE49-F238E27FC236}">
                <a16:creationId xmlns:a16="http://schemas.microsoft.com/office/drawing/2014/main" id="{F62FDF18-1E62-4BFB-854E-7284B44881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nn-no" dirty="0"/>
              <a:t>Film David</a:t>
            </a:r>
            <a:r>
              <a:rPr lang="nn-no" baseline="0" dirty="0"/>
              <a:t> Hallman</a:t>
            </a:r>
            <a:endParaRPr lang="nn-no" dirty="0"/>
          </a:p>
        </p:txBody>
      </p:sp>
      <p:pic>
        <p:nvPicPr>
          <p:cNvPr id="4" name="Lektion 3 - nynorsk">
            <a:hlinkClick r:id="" action="ppaction://media"/>
            <a:extLst>
              <a:ext uri="{FF2B5EF4-FFF2-40B4-BE49-F238E27FC236}">
                <a16:creationId xmlns:a16="http://schemas.microsoft.com/office/drawing/2014/main" id="{AAAC1935-6CF3-E18B-105B-5A19090E2C96}"/>
              </a:ext>
            </a:extLst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061248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9218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latshållare för bild 11">
            <a:extLst>
              <a:ext uri="{FF2B5EF4-FFF2-40B4-BE49-F238E27FC236}">
                <a16:creationId xmlns:a16="http://schemas.microsoft.com/office/drawing/2014/main" id="{CB248A91-AC8A-4B8C-89D9-A550F34CF57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3" name="LAN_Thanks"/>
          <p:cNvSpPr>
            <a:spLocks noGrp="1"/>
          </p:cNvSpPr>
          <p:nvPr>
            <p:ph type="title"/>
          </p:nvPr>
        </p:nvSpPr>
        <p:spPr/>
        <p:txBody>
          <a:bodyPr rtlCol="0" anchor="t" anchorCtr="0"/>
          <a:lstStyle/>
          <a:p>
            <a:pPr rtl="0"/>
            <a:r>
              <a:rPr lang="nn-no" sz="7800">
                <a:solidFill>
                  <a:schemeClr val="accent3"/>
                </a:solidFill>
              </a:rPr>
              <a:t>Bra jobba!</a:t>
            </a:r>
            <a:br>
              <a:rPr lang="en-GB" sz="7800" dirty="0">
                <a:solidFill>
                  <a:schemeClr val="accent3"/>
                </a:solidFill>
              </a:rPr>
            </a:br>
            <a:endParaRPr lang="en-GB" sz="7800" dirty="0">
              <a:solidFill>
                <a:schemeClr val="accent3"/>
              </a:solidFill>
            </a:endParaRPr>
          </a:p>
        </p:txBody>
      </p:sp>
      <p:sp>
        <p:nvSpPr>
          <p:cNvPr id="7" name="textruta 6">
            <a:extLst>
              <a:ext uri="{FF2B5EF4-FFF2-40B4-BE49-F238E27FC236}">
                <a16:creationId xmlns:a16="http://schemas.microsoft.com/office/drawing/2014/main" id="{A4651A56-A79E-40BC-A8F0-0F27FA54EF5E}"/>
              </a:ext>
            </a:extLst>
          </p:cNvPr>
          <p:cNvSpPr txBox="1"/>
          <p:nvPr/>
        </p:nvSpPr>
        <p:spPr>
          <a:xfrm>
            <a:off x="3380063" y="2828095"/>
            <a:ext cx="4653518" cy="1015663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pPr rtl="0"/>
            <a:r>
              <a:rPr lang="nn-no" sz="2200">
                <a:solidFill>
                  <a:schemeClr val="accent3"/>
                </a:solidFill>
              </a:rPr>
              <a:t>Korleis ser arbeidsmiljøet i framtida ut?</a:t>
            </a:r>
          </a:p>
          <a:p>
            <a:pPr rtl="0"/>
            <a:r>
              <a:rPr lang="nn-no" sz="2200">
                <a:solidFill>
                  <a:schemeClr val="accent3"/>
                </a:solidFill>
              </a:rPr>
              <a:t>Tenk over det til neste gong!</a:t>
            </a:r>
          </a:p>
          <a:p>
            <a:pPr rtl="0"/>
            <a:endParaRPr lang="sv-SE" sz="2200" dirty="0" err="1">
              <a:solidFill>
                <a:schemeClr val="accent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0345A94-1F2B-4E04-B971-FEF70D44C13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2EEDEC6-3725-4C56-825E-6F821CFE63F5}">
  <ds:schemaRefs>
    <ds:schemaRef ds:uri="http://schemas.microsoft.com/office/2006/metadata/properties"/>
    <ds:schemaRef ds:uri="http://schemas.openxmlformats.org/package/2006/metadata/core-properties"/>
    <ds:schemaRef ds:uri="http://purl.org/dc/dcmitype/"/>
    <ds:schemaRef ds:uri="http://purl.org/dc/elements/1.1/"/>
    <ds:schemaRef ds:uri="http://schemas.microsoft.com/office/2006/documentManagement/types"/>
    <ds:schemaRef ds:uri="http://schemas.microsoft.com/office/infopath/2007/PartnerControls"/>
    <ds:schemaRef ds:uri="8c631e49-1351-41f8-85ca-9c948efef50d"/>
    <ds:schemaRef ds:uri="7a8c5c01-e03e-4ef4-9a1c-76044e77be70"/>
    <ds:schemaRef ds:uri="http://www.w3.org/XML/1998/namespace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52417B13-75A6-4D3B-B8D3-89B2DCE88D8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171</Words>
  <Application>Microsoft Office PowerPoint</Application>
  <PresentationFormat>Bredbild</PresentationFormat>
  <Paragraphs>114</Paragraphs>
  <Slides>7</Slides>
  <Notes>7</Notes>
  <HiddenSlides>0</HiddenSlides>
  <MMClips>2</MMClips>
  <ScaleCrop>false</ScaleCrop>
  <HeadingPairs>
    <vt:vector size="6" baseType="variant">
      <vt:variant>
        <vt:lpstr>Använt teckensnitt</vt:lpstr>
      </vt:variant>
      <vt:variant>
        <vt:i4>5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7</vt:i4>
      </vt:variant>
    </vt:vector>
  </HeadingPairs>
  <TitlesOfParts>
    <vt:vector size="13" baseType="lpstr">
      <vt:lpstr>Arial</vt:lpstr>
      <vt:lpstr>Calibri</vt:lpstr>
      <vt:lpstr>Corbel</vt:lpstr>
      <vt:lpstr>Open Sans</vt:lpstr>
      <vt:lpstr>Symbol</vt:lpstr>
      <vt:lpstr>16-9 skabelon UK 2010</vt:lpstr>
      <vt:lpstr>Det digitale  liv ditt i dag kan bli  arbeidsmiljøet ditt i morgon</vt:lpstr>
      <vt:lpstr>Film digitale</vt:lpstr>
      <vt:lpstr>Øving –  eigenvurdering av skjermtida di</vt:lpstr>
      <vt:lpstr>Digitale arbeidsmiljørisikoar</vt:lpstr>
      <vt:lpstr>Eit friskare  digitalt arbeidsmiljø</vt:lpstr>
      <vt:lpstr>Film David Hallman</vt:lpstr>
      <vt:lpstr>Bra jobba!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tt digitala liv just nu blir din arbetsmiljö imorgon</dc:title>
  <dc:creator/>
  <cp:lastModifiedBy/>
  <cp:revision>50</cp:revision>
  <dcterms:modified xsi:type="dcterms:W3CDTF">2023-03-20T08:08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